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J:\s1\３統計\04　県等委託統計\06　人口調査\人口データ\1 元データ\R2\2009\HP2009\"/>
    </mc:Choice>
  </mc:AlternateContent>
  <bookViews>
    <workbookView xWindow="0" yWindow="0" windowWidth="23040" windowHeight="8376"/>
  </bookViews>
  <sheets>
    <sheet name="0000" sheetId="1" r:id="rId1"/>
  </sheets>
  <definedNames>
    <definedName name="_xlnm.Print_Titles" localSheetId="0">'0000'!$4:$4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32" uniqueCount="32">
  <si>
    <t>年齢別・性別人口（富山市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トヤマ</t>
    </rPh>
    <rPh sb="11" eb="12">
      <t>シ</t>
    </rPh>
    <phoneticPr fontId="3"/>
  </si>
  <si>
    <t>令和2年９月末</t>
  </si>
  <si>
    <t>年齢</t>
    <rPh sb="0" eb="2">
      <t>ネンレイ</t>
    </rPh>
    <phoneticPr fontId="3"/>
  </si>
  <si>
    <t>男</t>
    <rPh sb="0" eb="1">
      <t>オトコ</t>
    </rPh>
    <phoneticPr fontId="3"/>
  </si>
  <si>
    <t>女</t>
    <rPh sb="0" eb="1">
      <t>オンナ</t>
    </rPh>
    <phoneticPr fontId="3"/>
  </si>
  <si>
    <t>計</t>
    <rPh sb="0" eb="1">
      <t>ケイ</t>
    </rPh>
    <phoneticPr fontId="3"/>
  </si>
  <si>
    <t>《0～4》</t>
    <phoneticPr fontId="3"/>
  </si>
  <si>
    <t>《5～9》</t>
    <phoneticPr fontId="3"/>
  </si>
  <si>
    <t>《10～14》</t>
    <phoneticPr fontId="3"/>
  </si>
  <si>
    <t>【0～14】</t>
    <phoneticPr fontId="3"/>
  </si>
  <si>
    <t>《15～19》</t>
    <phoneticPr fontId="3"/>
  </si>
  <si>
    <t>《20～24》</t>
    <phoneticPr fontId="3"/>
  </si>
  <si>
    <t>《25～29》</t>
    <phoneticPr fontId="3"/>
  </si>
  <si>
    <t>《30～34》</t>
    <phoneticPr fontId="3"/>
  </si>
  <si>
    <t>《35～39》</t>
    <phoneticPr fontId="3"/>
  </si>
  <si>
    <t>《40～44》</t>
    <phoneticPr fontId="3"/>
  </si>
  <si>
    <t>《45～49》</t>
    <phoneticPr fontId="3"/>
  </si>
  <si>
    <t>《50～54》</t>
    <phoneticPr fontId="3"/>
  </si>
  <si>
    <t>《55～59》</t>
    <phoneticPr fontId="3"/>
  </si>
  <si>
    <t>《60～64》</t>
    <phoneticPr fontId="3"/>
  </si>
  <si>
    <t>【15～64】</t>
    <phoneticPr fontId="3"/>
  </si>
  <si>
    <t>《65～69》</t>
    <phoneticPr fontId="3"/>
  </si>
  <si>
    <t>《70～74》</t>
    <phoneticPr fontId="3"/>
  </si>
  <si>
    <t>《75～79》</t>
    <phoneticPr fontId="3"/>
  </si>
  <si>
    <t>《80～84》</t>
    <phoneticPr fontId="3"/>
  </si>
  <si>
    <t>《85～89》</t>
    <phoneticPr fontId="3"/>
  </si>
  <si>
    <t>《90～94》</t>
    <phoneticPr fontId="3"/>
  </si>
  <si>
    <t>《95～99》</t>
    <phoneticPr fontId="3"/>
  </si>
  <si>
    <t>101～</t>
    <phoneticPr fontId="3"/>
  </si>
  <si>
    <t>《100～》</t>
    <phoneticPr fontId="3"/>
  </si>
  <si>
    <t>【65～】</t>
    <phoneticPr fontId="3"/>
  </si>
  <si>
    <t>【合計】</t>
    <rPh sb="1" eb="3">
      <t>ゴウケイ</t>
    </rPh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5" x14ac:knownFonts="1">
    <font>
      <sz val="11"/>
      <name val="ＭＳ 明朝"/>
      <family val="1"/>
      <charset val="128"/>
    </font>
    <font>
      <sz val="11"/>
      <name val="ＭＳ 明朝"/>
      <family val="1"/>
      <charset val="128"/>
    </font>
    <font>
      <sz val="14"/>
      <name val="ＭＳ 明朝"/>
      <family val="1"/>
      <charset val="128"/>
    </font>
    <font>
      <sz val="6"/>
      <name val="ＭＳ 明朝"/>
      <family val="1"/>
      <charset val="128"/>
    </font>
    <font>
      <sz val="12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17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/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/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/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</borders>
  <cellStyleXfs count="2">
    <xf numFmtId="0" fontId="0" fillId="0" borderId="0"/>
    <xf numFmtId="38" fontId="1" fillId="0" borderId="0" applyFont="0" applyFill="0" applyBorder="0" applyAlignment="0" applyProtection="0"/>
  </cellStyleXfs>
  <cellXfs count="28">
    <xf numFmtId="0" fontId="0" fillId="0" borderId="0" xfId="0"/>
    <xf numFmtId="0" fontId="2" fillId="0" borderId="0" xfId="0" applyFont="1" applyAlignment="1">
      <alignment horizontal="center" vertical="center"/>
    </xf>
    <xf numFmtId="0" fontId="2" fillId="0" borderId="0" xfId="0" applyFont="1" applyAlignment="1">
      <alignment horizontal="center" vertical="center"/>
    </xf>
    <xf numFmtId="0" fontId="4" fillId="0" borderId="0" xfId="0" applyFont="1" applyAlignment="1">
      <alignment vertical="center"/>
    </xf>
    <xf numFmtId="0" fontId="4" fillId="0" borderId="0" xfId="0" applyFont="1" applyAlignment="1">
      <alignment horizontal="right" vertical="center"/>
    </xf>
    <xf numFmtId="0" fontId="4" fillId="0" borderId="1" xfId="0" applyFont="1" applyBorder="1" applyAlignment="1">
      <alignment horizontal="center" vertical="center"/>
    </xf>
    <xf numFmtId="0" fontId="4" fillId="0" borderId="2" xfId="0" applyFont="1" applyBorder="1" applyAlignment="1">
      <alignment horizontal="center" vertical="center"/>
    </xf>
    <xf numFmtId="0" fontId="4" fillId="0" borderId="3" xfId="0" applyFont="1" applyBorder="1" applyAlignment="1">
      <alignment horizontal="center" vertical="center"/>
    </xf>
    <xf numFmtId="0" fontId="4" fillId="0" borderId="4" xfId="0" applyFont="1" applyBorder="1" applyAlignment="1">
      <alignment horizontal="center" vertical="center"/>
    </xf>
    <xf numFmtId="38" fontId="1" fillId="0" borderId="5" xfId="1" applyFont="1" applyBorder="1" applyAlignment="1">
      <alignment horizontal="distributed" vertical="center"/>
    </xf>
    <xf numFmtId="38" fontId="1" fillId="0" borderId="6" xfId="1" applyFont="1" applyBorder="1" applyAlignment="1">
      <alignment vertical="center"/>
    </xf>
    <xf numFmtId="38" fontId="1" fillId="0" borderId="7" xfId="1" applyFont="1" applyBorder="1" applyAlignment="1">
      <alignment vertical="center"/>
    </xf>
    <xf numFmtId="38" fontId="1" fillId="0" borderId="8" xfId="1" applyFont="1" applyBorder="1" applyAlignment="1">
      <alignment vertical="center"/>
    </xf>
    <xf numFmtId="38" fontId="1" fillId="0" borderId="9" xfId="1" applyFont="1" applyBorder="1" applyAlignment="1">
      <alignment horizontal="distributed" vertical="center"/>
    </xf>
    <xf numFmtId="38" fontId="1" fillId="0" borderId="10" xfId="1" applyFont="1" applyBorder="1" applyAlignment="1">
      <alignment vertical="center"/>
    </xf>
    <xf numFmtId="38" fontId="1" fillId="0" borderId="11" xfId="1" applyFont="1" applyBorder="1" applyAlignment="1">
      <alignment vertical="center"/>
    </xf>
    <xf numFmtId="38" fontId="1" fillId="0" borderId="12" xfId="1" applyFont="1" applyBorder="1" applyAlignment="1">
      <alignment vertical="center"/>
    </xf>
    <xf numFmtId="38" fontId="1" fillId="0" borderId="10" xfId="1" applyBorder="1" applyAlignment="1">
      <alignment vertical="center"/>
    </xf>
    <xf numFmtId="38" fontId="1" fillId="0" borderId="11" xfId="1" applyBorder="1" applyAlignment="1">
      <alignment vertical="center"/>
    </xf>
    <xf numFmtId="38" fontId="1" fillId="0" borderId="12" xfId="1" applyBorder="1" applyAlignment="1">
      <alignment vertical="center"/>
    </xf>
    <xf numFmtId="38" fontId="1" fillId="0" borderId="9" xfId="1" applyFont="1" applyBorder="1" applyAlignment="1">
      <alignment horizontal="center" vertical="center"/>
    </xf>
    <xf numFmtId="38" fontId="0" fillId="0" borderId="10" xfId="0" applyNumberFormat="1" applyBorder="1" applyAlignment="1">
      <alignment vertical="center"/>
    </xf>
    <xf numFmtId="38" fontId="0" fillId="0" borderId="11" xfId="0" applyNumberFormat="1" applyBorder="1" applyAlignment="1">
      <alignment vertical="center"/>
    </xf>
    <xf numFmtId="38" fontId="0" fillId="0" borderId="12" xfId="0" applyNumberFormat="1" applyBorder="1" applyAlignment="1">
      <alignment vertical="center"/>
    </xf>
    <xf numFmtId="38" fontId="1" fillId="0" borderId="13" xfId="1" applyFont="1" applyBorder="1" applyAlignment="1">
      <alignment horizontal="distributed" vertical="center"/>
    </xf>
    <xf numFmtId="38" fontId="0" fillId="0" borderId="14" xfId="0" applyNumberFormat="1" applyBorder="1" applyAlignment="1">
      <alignment vertical="center"/>
    </xf>
    <xf numFmtId="38" fontId="0" fillId="0" borderId="15" xfId="0" applyNumberFormat="1" applyBorder="1" applyAlignment="1">
      <alignment vertical="center"/>
    </xf>
    <xf numFmtId="38" fontId="0" fillId="0" borderId="16" xfId="0" applyNumberFormat="1" applyBorder="1" applyAlignment="1">
      <alignment vertical="center"/>
    </xf>
  </cellXfs>
  <cellStyles count="2">
    <cellStyle name="桁区切り" xfId="1" builtinId="6"/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1">
    <pageSetUpPr fitToPage="1"/>
  </sheetPr>
  <dimension ref="A1:D131"/>
  <sheetViews>
    <sheetView tabSelected="1" workbookViewId="0">
      <pane ySplit="4" topLeftCell="A5" activePane="bottomLeft" state="frozen"/>
      <selection sqref="A1:J1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1" t="s">
        <v>0</v>
      </c>
      <c r="B1" s="1"/>
      <c r="C1" s="1"/>
      <c r="D1" s="1"/>
    </row>
    <row r="2" spans="1:4" ht="14.25" customHeight="1" x14ac:dyDescent="0.2">
      <c r="A2" s="2"/>
      <c r="B2" s="2"/>
      <c r="C2" s="2"/>
      <c r="D2" s="2"/>
    </row>
    <row r="3" spans="1:4" ht="20.25" customHeight="1" x14ac:dyDescent="0.2">
      <c r="A3" s="3"/>
      <c r="B3" s="4" t="s">
        <v>1</v>
      </c>
      <c r="C3" s="4"/>
      <c r="D3" s="4"/>
    </row>
    <row r="4" spans="1:4" ht="18" customHeight="1" x14ac:dyDescent="0.2">
      <c r="A4" s="5" t="s">
        <v>2</v>
      </c>
      <c r="B4" s="6" t="s">
        <v>3</v>
      </c>
      <c r="C4" s="7" t="s">
        <v>4</v>
      </c>
      <c r="D4" s="8" t="s">
        <v>5</v>
      </c>
    </row>
    <row r="5" spans="1:4" ht="18" customHeight="1" x14ac:dyDescent="0.2">
      <c r="A5" s="9">
        <v>0</v>
      </c>
      <c r="B5" s="10">
        <v>1433</v>
      </c>
      <c r="C5" s="11">
        <v>1369</v>
      </c>
      <c r="D5" s="12">
        <v>2802</v>
      </c>
    </row>
    <row r="6" spans="1:4" ht="18" customHeight="1" x14ac:dyDescent="0.2">
      <c r="A6" s="13">
        <v>1</v>
      </c>
      <c r="B6" s="14">
        <v>1528</v>
      </c>
      <c r="C6" s="15">
        <v>1443</v>
      </c>
      <c r="D6" s="16">
        <v>2971</v>
      </c>
    </row>
    <row r="7" spans="1:4" ht="18" customHeight="1" x14ac:dyDescent="0.2">
      <c r="A7" s="13">
        <v>2</v>
      </c>
      <c r="B7" s="14">
        <v>1544</v>
      </c>
      <c r="C7" s="15">
        <v>1493</v>
      </c>
      <c r="D7" s="16">
        <v>3037</v>
      </c>
    </row>
    <row r="8" spans="1:4" ht="18" customHeight="1" x14ac:dyDescent="0.2">
      <c r="A8" s="13">
        <v>3</v>
      </c>
      <c r="B8" s="14">
        <v>1563</v>
      </c>
      <c r="C8" s="15">
        <v>1473</v>
      </c>
      <c r="D8" s="16">
        <v>3036</v>
      </c>
    </row>
    <row r="9" spans="1:4" ht="18" customHeight="1" x14ac:dyDescent="0.2">
      <c r="A9" s="13">
        <v>4</v>
      </c>
      <c r="B9" s="14">
        <v>1676</v>
      </c>
      <c r="C9" s="15">
        <v>1580</v>
      </c>
      <c r="D9" s="16">
        <v>3256</v>
      </c>
    </row>
    <row r="10" spans="1:4" ht="18" customHeight="1" x14ac:dyDescent="0.2">
      <c r="A10" s="13" t="s">
        <v>6</v>
      </c>
      <c r="B10" s="17">
        <v>7744</v>
      </c>
      <c r="C10" s="18">
        <v>7358</v>
      </c>
      <c r="D10" s="19">
        <v>15102</v>
      </c>
    </row>
    <row r="11" spans="1:4" ht="18" customHeight="1" x14ac:dyDescent="0.2">
      <c r="A11" s="13">
        <v>5</v>
      </c>
      <c r="B11" s="17">
        <v>1675</v>
      </c>
      <c r="C11" s="18">
        <v>1546</v>
      </c>
      <c r="D11" s="19">
        <v>3221</v>
      </c>
    </row>
    <row r="12" spans="1:4" ht="18" customHeight="1" x14ac:dyDescent="0.2">
      <c r="A12" s="13">
        <v>6</v>
      </c>
      <c r="B12" s="17">
        <v>1600</v>
      </c>
      <c r="C12" s="18">
        <v>1578</v>
      </c>
      <c r="D12" s="19">
        <v>3178</v>
      </c>
    </row>
    <row r="13" spans="1:4" ht="18" customHeight="1" x14ac:dyDescent="0.2">
      <c r="A13" s="13">
        <v>7</v>
      </c>
      <c r="B13" s="17">
        <v>1661</v>
      </c>
      <c r="C13" s="18">
        <v>1597</v>
      </c>
      <c r="D13" s="19">
        <v>3258</v>
      </c>
    </row>
    <row r="14" spans="1:4" ht="18" customHeight="1" x14ac:dyDescent="0.2">
      <c r="A14" s="13">
        <v>8</v>
      </c>
      <c r="B14" s="17">
        <v>1712</v>
      </c>
      <c r="C14" s="18">
        <v>1626</v>
      </c>
      <c r="D14" s="19">
        <v>3338</v>
      </c>
    </row>
    <row r="15" spans="1:4" ht="18" customHeight="1" x14ac:dyDescent="0.2">
      <c r="A15" s="13">
        <v>9</v>
      </c>
      <c r="B15" s="17">
        <v>1766</v>
      </c>
      <c r="C15" s="18">
        <v>1632</v>
      </c>
      <c r="D15" s="19">
        <v>3398</v>
      </c>
    </row>
    <row r="16" spans="1:4" ht="18" customHeight="1" x14ac:dyDescent="0.2">
      <c r="A16" s="13" t="s">
        <v>7</v>
      </c>
      <c r="B16" s="17">
        <v>8414</v>
      </c>
      <c r="C16" s="18">
        <v>7979</v>
      </c>
      <c r="D16" s="19">
        <v>16393</v>
      </c>
    </row>
    <row r="17" spans="1:4" ht="18" customHeight="1" x14ac:dyDescent="0.2">
      <c r="A17" s="13">
        <v>10</v>
      </c>
      <c r="B17" s="17">
        <v>1786</v>
      </c>
      <c r="C17" s="18">
        <v>1684</v>
      </c>
      <c r="D17" s="19">
        <v>3470</v>
      </c>
    </row>
    <row r="18" spans="1:4" ht="18" customHeight="1" x14ac:dyDescent="0.2">
      <c r="A18" s="13">
        <v>11</v>
      </c>
      <c r="B18" s="17">
        <v>1788</v>
      </c>
      <c r="C18" s="18">
        <v>1673</v>
      </c>
      <c r="D18" s="19">
        <v>3461</v>
      </c>
    </row>
    <row r="19" spans="1:4" ht="18" customHeight="1" x14ac:dyDescent="0.2">
      <c r="A19" s="13">
        <v>12</v>
      </c>
      <c r="B19" s="17">
        <v>1852</v>
      </c>
      <c r="C19" s="18">
        <v>1788</v>
      </c>
      <c r="D19" s="19">
        <v>3640</v>
      </c>
    </row>
    <row r="20" spans="1:4" ht="18" customHeight="1" x14ac:dyDescent="0.2">
      <c r="A20" s="13">
        <v>13</v>
      </c>
      <c r="B20" s="17">
        <v>1786</v>
      </c>
      <c r="C20" s="18">
        <v>1746</v>
      </c>
      <c r="D20" s="19">
        <v>3532</v>
      </c>
    </row>
    <row r="21" spans="1:4" ht="18" customHeight="1" x14ac:dyDescent="0.2">
      <c r="A21" s="13">
        <v>14</v>
      </c>
      <c r="B21" s="17">
        <v>1872</v>
      </c>
      <c r="C21" s="18">
        <v>1779</v>
      </c>
      <c r="D21" s="19">
        <v>3651</v>
      </c>
    </row>
    <row r="22" spans="1:4" ht="18" customHeight="1" x14ac:dyDescent="0.2">
      <c r="A22" s="13" t="s">
        <v>8</v>
      </c>
      <c r="B22" s="17">
        <v>9084</v>
      </c>
      <c r="C22" s="18">
        <v>8670</v>
      </c>
      <c r="D22" s="19">
        <v>17754</v>
      </c>
    </row>
    <row r="23" spans="1:4" ht="18" customHeight="1" x14ac:dyDescent="0.2">
      <c r="A23" s="13" t="s">
        <v>9</v>
      </c>
      <c r="B23" s="17">
        <v>25242</v>
      </c>
      <c r="C23" s="18">
        <v>24007</v>
      </c>
      <c r="D23" s="19">
        <v>49249</v>
      </c>
    </row>
    <row r="24" spans="1:4" ht="18" customHeight="1" x14ac:dyDescent="0.2">
      <c r="A24" s="13">
        <v>15</v>
      </c>
      <c r="B24" s="17">
        <v>1912</v>
      </c>
      <c r="C24" s="18">
        <v>1730</v>
      </c>
      <c r="D24" s="19">
        <v>3642</v>
      </c>
    </row>
    <row r="25" spans="1:4" ht="18" customHeight="1" x14ac:dyDescent="0.2">
      <c r="A25" s="13">
        <v>16</v>
      </c>
      <c r="B25" s="17">
        <v>1947</v>
      </c>
      <c r="C25" s="18">
        <v>1909</v>
      </c>
      <c r="D25" s="19">
        <v>3856</v>
      </c>
    </row>
    <row r="26" spans="1:4" ht="18" customHeight="1" x14ac:dyDescent="0.2">
      <c r="A26" s="13">
        <v>17</v>
      </c>
      <c r="B26" s="17">
        <v>1899</v>
      </c>
      <c r="C26" s="18">
        <v>1843</v>
      </c>
      <c r="D26" s="19">
        <v>3742</v>
      </c>
    </row>
    <row r="27" spans="1:4" ht="18" customHeight="1" x14ac:dyDescent="0.2">
      <c r="A27" s="13">
        <v>18</v>
      </c>
      <c r="B27" s="17">
        <v>2089</v>
      </c>
      <c r="C27" s="18">
        <v>1909</v>
      </c>
      <c r="D27" s="19">
        <v>3998</v>
      </c>
    </row>
    <row r="28" spans="1:4" ht="18" customHeight="1" x14ac:dyDescent="0.2">
      <c r="A28" s="13">
        <v>19</v>
      </c>
      <c r="B28" s="17">
        <v>2108</v>
      </c>
      <c r="C28" s="18">
        <v>1909</v>
      </c>
      <c r="D28" s="19">
        <v>4017</v>
      </c>
    </row>
    <row r="29" spans="1:4" ht="18" customHeight="1" x14ac:dyDescent="0.2">
      <c r="A29" s="13" t="s">
        <v>10</v>
      </c>
      <c r="B29" s="17">
        <v>9955</v>
      </c>
      <c r="C29" s="18">
        <v>9300</v>
      </c>
      <c r="D29" s="19">
        <v>19255</v>
      </c>
    </row>
    <row r="30" spans="1:4" ht="18" customHeight="1" x14ac:dyDescent="0.2">
      <c r="A30" s="13">
        <v>20</v>
      </c>
      <c r="B30" s="17">
        <v>2171</v>
      </c>
      <c r="C30" s="18">
        <v>1934</v>
      </c>
      <c r="D30" s="19">
        <v>4105</v>
      </c>
    </row>
    <row r="31" spans="1:4" ht="18" customHeight="1" x14ac:dyDescent="0.2">
      <c r="A31" s="13">
        <v>21</v>
      </c>
      <c r="B31" s="17">
        <v>2089</v>
      </c>
      <c r="C31" s="18">
        <v>1974</v>
      </c>
      <c r="D31" s="19">
        <v>4063</v>
      </c>
    </row>
    <row r="32" spans="1:4" ht="18" customHeight="1" x14ac:dyDescent="0.2">
      <c r="A32" s="13">
        <v>22</v>
      </c>
      <c r="B32" s="17">
        <v>2191</v>
      </c>
      <c r="C32" s="18">
        <v>1892</v>
      </c>
      <c r="D32" s="19">
        <v>4083</v>
      </c>
    </row>
    <row r="33" spans="1:4" ht="18" customHeight="1" x14ac:dyDescent="0.2">
      <c r="A33" s="13">
        <v>23</v>
      </c>
      <c r="B33" s="17">
        <v>2130</v>
      </c>
      <c r="C33" s="18">
        <v>1790</v>
      </c>
      <c r="D33" s="19">
        <v>3920</v>
      </c>
    </row>
    <row r="34" spans="1:4" ht="18" customHeight="1" x14ac:dyDescent="0.2">
      <c r="A34" s="13">
        <v>24</v>
      </c>
      <c r="B34" s="17">
        <v>2149</v>
      </c>
      <c r="C34" s="18">
        <v>1816</v>
      </c>
      <c r="D34" s="19">
        <v>3965</v>
      </c>
    </row>
    <row r="35" spans="1:4" ht="18" customHeight="1" x14ac:dyDescent="0.2">
      <c r="A35" s="13" t="s">
        <v>11</v>
      </c>
      <c r="B35" s="17">
        <v>10730</v>
      </c>
      <c r="C35" s="18">
        <v>9406</v>
      </c>
      <c r="D35" s="19">
        <v>20136</v>
      </c>
    </row>
    <row r="36" spans="1:4" ht="18" customHeight="1" x14ac:dyDescent="0.2">
      <c r="A36" s="13">
        <v>25</v>
      </c>
      <c r="B36" s="17">
        <v>2230</v>
      </c>
      <c r="C36" s="18">
        <v>1938</v>
      </c>
      <c r="D36" s="19">
        <v>4168</v>
      </c>
    </row>
    <row r="37" spans="1:4" ht="18" customHeight="1" x14ac:dyDescent="0.2">
      <c r="A37" s="13">
        <v>26</v>
      </c>
      <c r="B37" s="17">
        <v>2097</v>
      </c>
      <c r="C37" s="18">
        <v>1853</v>
      </c>
      <c r="D37" s="19">
        <v>3950</v>
      </c>
    </row>
    <row r="38" spans="1:4" ht="18" customHeight="1" x14ac:dyDescent="0.2">
      <c r="A38" s="13">
        <v>27</v>
      </c>
      <c r="B38" s="17">
        <v>2061</v>
      </c>
      <c r="C38" s="18">
        <v>1859</v>
      </c>
      <c r="D38" s="19">
        <v>3920</v>
      </c>
    </row>
    <row r="39" spans="1:4" ht="18" customHeight="1" x14ac:dyDescent="0.2">
      <c r="A39" s="13">
        <v>28</v>
      </c>
      <c r="B39" s="17">
        <v>2040</v>
      </c>
      <c r="C39" s="18">
        <v>1814</v>
      </c>
      <c r="D39" s="19">
        <v>3854</v>
      </c>
    </row>
    <row r="40" spans="1:4" ht="18" customHeight="1" x14ac:dyDescent="0.2">
      <c r="A40" s="13">
        <v>29</v>
      </c>
      <c r="B40" s="17">
        <v>2067</v>
      </c>
      <c r="C40" s="18">
        <v>1818</v>
      </c>
      <c r="D40" s="19">
        <v>3885</v>
      </c>
    </row>
    <row r="41" spans="1:4" ht="18" customHeight="1" x14ac:dyDescent="0.2">
      <c r="A41" s="13" t="s">
        <v>12</v>
      </c>
      <c r="B41" s="17">
        <v>10495</v>
      </c>
      <c r="C41" s="18">
        <v>9282</v>
      </c>
      <c r="D41" s="19">
        <v>19777</v>
      </c>
    </row>
    <row r="42" spans="1:4" ht="18" customHeight="1" x14ac:dyDescent="0.2">
      <c r="A42" s="13">
        <v>30</v>
      </c>
      <c r="B42" s="17">
        <v>2173</v>
      </c>
      <c r="C42" s="18">
        <v>1873</v>
      </c>
      <c r="D42" s="19">
        <v>4046</v>
      </c>
    </row>
    <row r="43" spans="1:4" ht="18" customHeight="1" x14ac:dyDescent="0.2">
      <c r="A43" s="13">
        <v>31</v>
      </c>
      <c r="B43" s="17">
        <v>2191</v>
      </c>
      <c r="C43" s="18">
        <v>1915</v>
      </c>
      <c r="D43" s="19">
        <v>4106</v>
      </c>
    </row>
    <row r="44" spans="1:4" ht="18" customHeight="1" x14ac:dyDescent="0.2">
      <c r="A44" s="13">
        <v>32</v>
      </c>
      <c r="B44" s="17">
        <v>2182</v>
      </c>
      <c r="C44" s="18">
        <v>1927</v>
      </c>
      <c r="D44" s="19">
        <v>4109</v>
      </c>
    </row>
    <row r="45" spans="1:4" ht="18" customHeight="1" x14ac:dyDescent="0.2">
      <c r="A45" s="13">
        <v>33</v>
      </c>
      <c r="B45" s="17">
        <v>2170</v>
      </c>
      <c r="C45" s="18">
        <v>2083</v>
      </c>
      <c r="D45" s="19">
        <v>4253</v>
      </c>
    </row>
    <row r="46" spans="1:4" ht="18" customHeight="1" x14ac:dyDescent="0.2">
      <c r="A46" s="13">
        <v>34</v>
      </c>
      <c r="B46" s="17">
        <v>2312</v>
      </c>
      <c r="C46" s="18">
        <v>2151</v>
      </c>
      <c r="D46" s="19">
        <v>4463</v>
      </c>
    </row>
    <row r="47" spans="1:4" ht="18" customHeight="1" x14ac:dyDescent="0.2">
      <c r="A47" s="13" t="s">
        <v>13</v>
      </c>
      <c r="B47" s="17">
        <v>11028</v>
      </c>
      <c r="C47" s="18">
        <v>9949</v>
      </c>
      <c r="D47" s="19">
        <v>20977</v>
      </c>
    </row>
    <row r="48" spans="1:4" ht="18" customHeight="1" x14ac:dyDescent="0.2">
      <c r="A48" s="13">
        <v>35</v>
      </c>
      <c r="B48" s="17">
        <v>2371</v>
      </c>
      <c r="C48" s="18">
        <v>2236</v>
      </c>
      <c r="D48" s="19">
        <v>4607</v>
      </c>
    </row>
    <row r="49" spans="1:4" ht="18" customHeight="1" x14ac:dyDescent="0.2">
      <c r="A49" s="13">
        <v>36</v>
      </c>
      <c r="B49" s="17">
        <v>2480</v>
      </c>
      <c r="C49" s="18">
        <v>2221</v>
      </c>
      <c r="D49" s="19">
        <v>4701</v>
      </c>
    </row>
    <row r="50" spans="1:4" ht="18" customHeight="1" x14ac:dyDescent="0.2">
      <c r="A50" s="13">
        <v>37</v>
      </c>
      <c r="B50" s="17">
        <v>2457</v>
      </c>
      <c r="C50" s="18">
        <v>2168</v>
      </c>
      <c r="D50" s="19">
        <v>4625</v>
      </c>
    </row>
    <row r="51" spans="1:4" ht="18" customHeight="1" x14ac:dyDescent="0.2">
      <c r="A51" s="13">
        <v>38</v>
      </c>
      <c r="B51" s="17">
        <v>2468</v>
      </c>
      <c r="C51" s="18">
        <v>2348</v>
      </c>
      <c r="D51" s="19">
        <v>4816</v>
      </c>
    </row>
    <row r="52" spans="1:4" ht="18" customHeight="1" x14ac:dyDescent="0.2">
      <c r="A52" s="13">
        <v>39</v>
      </c>
      <c r="B52" s="17">
        <v>2396</v>
      </c>
      <c r="C52" s="18">
        <v>2323</v>
      </c>
      <c r="D52" s="19">
        <v>4719</v>
      </c>
    </row>
    <row r="53" spans="1:4" ht="18" customHeight="1" x14ac:dyDescent="0.2">
      <c r="A53" s="13" t="s">
        <v>14</v>
      </c>
      <c r="B53" s="17">
        <v>12172</v>
      </c>
      <c r="C53" s="18">
        <v>11296</v>
      </c>
      <c r="D53" s="19">
        <v>23468</v>
      </c>
    </row>
    <row r="54" spans="1:4" ht="18" customHeight="1" x14ac:dyDescent="0.2">
      <c r="A54" s="13">
        <v>40</v>
      </c>
      <c r="B54" s="17">
        <v>2545</v>
      </c>
      <c r="C54" s="18">
        <v>2422</v>
      </c>
      <c r="D54" s="19">
        <v>4967</v>
      </c>
    </row>
    <row r="55" spans="1:4" ht="18" customHeight="1" x14ac:dyDescent="0.2">
      <c r="A55" s="13">
        <v>41</v>
      </c>
      <c r="B55" s="17">
        <v>2660</v>
      </c>
      <c r="C55" s="18">
        <v>2575</v>
      </c>
      <c r="D55" s="19">
        <v>5235</v>
      </c>
    </row>
    <row r="56" spans="1:4" ht="18" customHeight="1" x14ac:dyDescent="0.2">
      <c r="A56" s="13">
        <v>42</v>
      </c>
      <c r="B56" s="17">
        <v>2981</v>
      </c>
      <c r="C56" s="18">
        <v>2667</v>
      </c>
      <c r="D56" s="19">
        <v>5648</v>
      </c>
    </row>
    <row r="57" spans="1:4" ht="18" customHeight="1" x14ac:dyDescent="0.2">
      <c r="A57" s="13">
        <v>43</v>
      </c>
      <c r="B57" s="17">
        <v>2956</v>
      </c>
      <c r="C57" s="18">
        <v>2793</v>
      </c>
      <c r="D57" s="19">
        <v>5749</v>
      </c>
    </row>
    <row r="58" spans="1:4" ht="18" customHeight="1" x14ac:dyDescent="0.2">
      <c r="A58" s="13">
        <v>44</v>
      </c>
      <c r="B58" s="17">
        <v>3169</v>
      </c>
      <c r="C58" s="18">
        <v>2884</v>
      </c>
      <c r="D58" s="19">
        <v>6053</v>
      </c>
    </row>
    <row r="59" spans="1:4" ht="18" customHeight="1" x14ac:dyDescent="0.2">
      <c r="A59" s="13" t="s">
        <v>15</v>
      </c>
      <c r="B59" s="17">
        <v>14311</v>
      </c>
      <c r="C59" s="18">
        <v>13341</v>
      </c>
      <c r="D59" s="19">
        <v>27652</v>
      </c>
    </row>
    <row r="60" spans="1:4" ht="18" customHeight="1" x14ac:dyDescent="0.2">
      <c r="A60" s="13">
        <v>45</v>
      </c>
      <c r="B60" s="17">
        <v>3335</v>
      </c>
      <c r="C60" s="18">
        <v>3286</v>
      </c>
      <c r="D60" s="19">
        <v>6621</v>
      </c>
    </row>
    <row r="61" spans="1:4" ht="18" customHeight="1" x14ac:dyDescent="0.2">
      <c r="A61" s="13">
        <v>46</v>
      </c>
      <c r="B61" s="17">
        <v>3492</v>
      </c>
      <c r="C61" s="18">
        <v>3380</v>
      </c>
      <c r="D61" s="19">
        <v>6872</v>
      </c>
    </row>
    <row r="62" spans="1:4" ht="18" customHeight="1" x14ac:dyDescent="0.2">
      <c r="A62" s="13">
        <v>47</v>
      </c>
      <c r="B62" s="17">
        <v>3565</v>
      </c>
      <c r="C62" s="18">
        <v>3416</v>
      </c>
      <c r="D62" s="19">
        <v>6981</v>
      </c>
    </row>
    <row r="63" spans="1:4" ht="18" customHeight="1" x14ac:dyDescent="0.2">
      <c r="A63" s="13">
        <v>48</v>
      </c>
      <c r="B63" s="17">
        <v>3526</v>
      </c>
      <c r="C63" s="18">
        <v>3372</v>
      </c>
      <c r="D63" s="19">
        <v>6898</v>
      </c>
    </row>
    <row r="64" spans="1:4" ht="18" customHeight="1" x14ac:dyDescent="0.2">
      <c r="A64" s="13">
        <v>49</v>
      </c>
      <c r="B64" s="17">
        <v>3303</v>
      </c>
      <c r="C64" s="18">
        <v>3230</v>
      </c>
      <c r="D64" s="19">
        <v>6533</v>
      </c>
    </row>
    <row r="65" spans="1:4" ht="18" customHeight="1" x14ac:dyDescent="0.2">
      <c r="A65" s="13" t="s">
        <v>16</v>
      </c>
      <c r="B65" s="17">
        <v>17221</v>
      </c>
      <c r="C65" s="18">
        <v>16684</v>
      </c>
      <c r="D65" s="19">
        <v>33905</v>
      </c>
    </row>
    <row r="66" spans="1:4" ht="18" customHeight="1" x14ac:dyDescent="0.2">
      <c r="A66" s="13">
        <v>50</v>
      </c>
      <c r="B66" s="17">
        <v>3181</v>
      </c>
      <c r="C66" s="18">
        <v>2946</v>
      </c>
      <c r="D66" s="19">
        <v>6127</v>
      </c>
    </row>
    <row r="67" spans="1:4" ht="18" customHeight="1" x14ac:dyDescent="0.2">
      <c r="A67" s="13">
        <v>51</v>
      </c>
      <c r="B67" s="17">
        <v>3189</v>
      </c>
      <c r="C67" s="18">
        <v>2895</v>
      </c>
      <c r="D67" s="19">
        <v>6084</v>
      </c>
    </row>
    <row r="68" spans="1:4" ht="18" customHeight="1" x14ac:dyDescent="0.2">
      <c r="A68" s="13">
        <v>52</v>
      </c>
      <c r="B68" s="17">
        <v>2886</v>
      </c>
      <c r="C68" s="18">
        <v>2877</v>
      </c>
      <c r="D68" s="19">
        <v>5763</v>
      </c>
    </row>
    <row r="69" spans="1:4" ht="18" customHeight="1" x14ac:dyDescent="0.2">
      <c r="A69" s="13">
        <v>53</v>
      </c>
      <c r="B69" s="17">
        <v>2874</v>
      </c>
      <c r="C69" s="18">
        <v>2846</v>
      </c>
      <c r="D69" s="19">
        <v>5720</v>
      </c>
    </row>
    <row r="70" spans="1:4" ht="18" customHeight="1" x14ac:dyDescent="0.2">
      <c r="A70" s="13">
        <v>54</v>
      </c>
      <c r="B70" s="17">
        <v>2169</v>
      </c>
      <c r="C70" s="18">
        <v>2186</v>
      </c>
      <c r="D70" s="19">
        <v>4355</v>
      </c>
    </row>
    <row r="71" spans="1:4" ht="18" customHeight="1" x14ac:dyDescent="0.2">
      <c r="A71" s="13" t="s">
        <v>17</v>
      </c>
      <c r="B71" s="17">
        <v>14299</v>
      </c>
      <c r="C71" s="18">
        <v>13750</v>
      </c>
      <c r="D71" s="19">
        <v>28049</v>
      </c>
    </row>
    <row r="72" spans="1:4" ht="18" customHeight="1" x14ac:dyDescent="0.2">
      <c r="A72" s="13">
        <v>55</v>
      </c>
      <c r="B72" s="17">
        <v>2642</v>
      </c>
      <c r="C72" s="18">
        <v>2761</v>
      </c>
      <c r="D72" s="19">
        <v>5403</v>
      </c>
    </row>
    <row r="73" spans="1:4" ht="18" customHeight="1" x14ac:dyDescent="0.2">
      <c r="A73" s="13">
        <v>56</v>
      </c>
      <c r="B73" s="17">
        <v>2574</v>
      </c>
      <c r="C73" s="18">
        <v>2530</v>
      </c>
      <c r="D73" s="19">
        <v>5104</v>
      </c>
    </row>
    <row r="74" spans="1:4" ht="18" customHeight="1" x14ac:dyDescent="0.2">
      <c r="A74" s="13">
        <v>57</v>
      </c>
      <c r="B74" s="17">
        <v>2561</v>
      </c>
      <c r="C74" s="18">
        <v>2548</v>
      </c>
      <c r="D74" s="19">
        <v>5109</v>
      </c>
    </row>
    <row r="75" spans="1:4" ht="18" customHeight="1" x14ac:dyDescent="0.2">
      <c r="A75" s="13">
        <v>58</v>
      </c>
      <c r="B75" s="17">
        <v>2305</v>
      </c>
      <c r="C75" s="18">
        <v>2283</v>
      </c>
      <c r="D75" s="19">
        <v>4588</v>
      </c>
    </row>
    <row r="76" spans="1:4" ht="18" customHeight="1" x14ac:dyDescent="0.2">
      <c r="A76" s="13">
        <v>59</v>
      </c>
      <c r="B76" s="17">
        <v>2292</v>
      </c>
      <c r="C76" s="18">
        <v>2472</v>
      </c>
      <c r="D76" s="19">
        <v>4764</v>
      </c>
    </row>
    <row r="77" spans="1:4" ht="18" customHeight="1" x14ac:dyDescent="0.2">
      <c r="A77" s="13" t="s">
        <v>18</v>
      </c>
      <c r="B77" s="17">
        <v>12374</v>
      </c>
      <c r="C77" s="18">
        <v>12594</v>
      </c>
      <c r="D77" s="19">
        <v>24968</v>
      </c>
    </row>
    <row r="78" spans="1:4" ht="18" customHeight="1" x14ac:dyDescent="0.2">
      <c r="A78" s="13">
        <v>60</v>
      </c>
      <c r="B78" s="17">
        <v>2387</v>
      </c>
      <c r="C78" s="18">
        <v>2424</v>
      </c>
      <c r="D78" s="19">
        <v>4811</v>
      </c>
    </row>
    <row r="79" spans="1:4" ht="18" customHeight="1" x14ac:dyDescent="0.2">
      <c r="A79" s="13">
        <v>61</v>
      </c>
      <c r="B79" s="17">
        <v>2333</v>
      </c>
      <c r="C79" s="18">
        <v>2470</v>
      </c>
      <c r="D79" s="19">
        <v>4803</v>
      </c>
    </row>
    <row r="80" spans="1:4" ht="18" customHeight="1" x14ac:dyDescent="0.2">
      <c r="A80" s="13">
        <v>62</v>
      </c>
      <c r="B80" s="17">
        <v>2253</v>
      </c>
      <c r="C80" s="18">
        <v>2375</v>
      </c>
      <c r="D80" s="19">
        <v>4628</v>
      </c>
    </row>
    <row r="81" spans="1:4" ht="18" customHeight="1" x14ac:dyDescent="0.2">
      <c r="A81" s="13">
        <v>63</v>
      </c>
      <c r="B81" s="17">
        <v>2224</v>
      </c>
      <c r="C81" s="18">
        <v>2276</v>
      </c>
      <c r="D81" s="19">
        <v>4500</v>
      </c>
    </row>
    <row r="82" spans="1:4" ht="18" customHeight="1" x14ac:dyDescent="0.2">
      <c r="A82" s="13">
        <v>64</v>
      </c>
      <c r="B82" s="17">
        <v>2286</v>
      </c>
      <c r="C82" s="18">
        <v>2434</v>
      </c>
      <c r="D82" s="19">
        <v>4720</v>
      </c>
    </row>
    <row r="83" spans="1:4" ht="18" customHeight="1" x14ac:dyDescent="0.2">
      <c r="A83" s="13" t="s">
        <v>19</v>
      </c>
      <c r="B83" s="17">
        <v>11483</v>
      </c>
      <c r="C83" s="18">
        <v>11979</v>
      </c>
      <c r="D83" s="19">
        <v>23462</v>
      </c>
    </row>
    <row r="84" spans="1:4" ht="18" customHeight="1" x14ac:dyDescent="0.2">
      <c r="A84" s="13" t="s">
        <v>20</v>
      </c>
      <c r="B84" s="17">
        <v>124068</v>
      </c>
      <c r="C84" s="18">
        <v>117581</v>
      </c>
      <c r="D84" s="19">
        <v>241649</v>
      </c>
    </row>
    <row r="85" spans="1:4" ht="18" customHeight="1" x14ac:dyDescent="0.2">
      <c r="A85" s="13">
        <v>65</v>
      </c>
      <c r="B85" s="17">
        <v>2514</v>
      </c>
      <c r="C85" s="18">
        <v>2684</v>
      </c>
      <c r="D85" s="19">
        <v>5198</v>
      </c>
    </row>
    <row r="86" spans="1:4" ht="18" customHeight="1" x14ac:dyDescent="0.2">
      <c r="A86" s="13">
        <v>66</v>
      </c>
      <c r="B86" s="17">
        <v>2452</v>
      </c>
      <c r="C86" s="18">
        <v>2552</v>
      </c>
      <c r="D86" s="19">
        <v>5004</v>
      </c>
    </row>
    <row r="87" spans="1:4" ht="18" customHeight="1" x14ac:dyDescent="0.2">
      <c r="A87" s="13">
        <v>67</v>
      </c>
      <c r="B87" s="17">
        <v>2603</v>
      </c>
      <c r="C87" s="18">
        <v>2866</v>
      </c>
      <c r="D87" s="19">
        <v>5469</v>
      </c>
    </row>
    <row r="88" spans="1:4" ht="18" customHeight="1" x14ac:dyDescent="0.2">
      <c r="A88" s="13">
        <v>68</v>
      </c>
      <c r="B88" s="17">
        <v>2636</v>
      </c>
      <c r="C88" s="18">
        <v>2819</v>
      </c>
      <c r="D88" s="19">
        <v>5455</v>
      </c>
    </row>
    <row r="89" spans="1:4" ht="18" customHeight="1" x14ac:dyDescent="0.2">
      <c r="A89" s="13">
        <v>69</v>
      </c>
      <c r="B89" s="17">
        <v>2716</v>
      </c>
      <c r="C89" s="18">
        <v>3009</v>
      </c>
      <c r="D89" s="19">
        <v>5725</v>
      </c>
    </row>
    <row r="90" spans="1:4" ht="18" customHeight="1" x14ac:dyDescent="0.2">
      <c r="A90" s="13" t="s">
        <v>21</v>
      </c>
      <c r="B90" s="17">
        <v>12921</v>
      </c>
      <c r="C90" s="18">
        <v>13930</v>
      </c>
      <c r="D90" s="19">
        <v>26851</v>
      </c>
    </row>
    <row r="91" spans="1:4" ht="18" customHeight="1" x14ac:dyDescent="0.2">
      <c r="A91" s="13">
        <v>70</v>
      </c>
      <c r="B91" s="17">
        <v>3068</v>
      </c>
      <c r="C91" s="18">
        <v>3451</v>
      </c>
      <c r="D91" s="19">
        <v>6519</v>
      </c>
    </row>
    <row r="92" spans="1:4" ht="18" customHeight="1" x14ac:dyDescent="0.2">
      <c r="A92" s="13">
        <v>71</v>
      </c>
      <c r="B92" s="17">
        <v>3445</v>
      </c>
      <c r="C92" s="18">
        <v>3729</v>
      </c>
      <c r="D92" s="19">
        <v>7174</v>
      </c>
    </row>
    <row r="93" spans="1:4" ht="18" customHeight="1" x14ac:dyDescent="0.2">
      <c r="A93" s="13">
        <v>72</v>
      </c>
      <c r="B93" s="17">
        <v>3410</v>
      </c>
      <c r="C93" s="18">
        <v>3836</v>
      </c>
      <c r="D93" s="19">
        <v>7246</v>
      </c>
    </row>
    <row r="94" spans="1:4" ht="18" customHeight="1" x14ac:dyDescent="0.2">
      <c r="A94" s="13">
        <v>73</v>
      </c>
      <c r="B94" s="17">
        <v>3525</v>
      </c>
      <c r="C94" s="18">
        <v>4177</v>
      </c>
      <c r="D94" s="19">
        <v>7702</v>
      </c>
    </row>
    <row r="95" spans="1:4" ht="18" customHeight="1" x14ac:dyDescent="0.2">
      <c r="A95" s="13">
        <v>74</v>
      </c>
      <c r="B95" s="17">
        <v>1798</v>
      </c>
      <c r="C95" s="18">
        <v>2096</v>
      </c>
      <c r="D95" s="19">
        <v>3894</v>
      </c>
    </row>
    <row r="96" spans="1:4" ht="18" customHeight="1" x14ac:dyDescent="0.2">
      <c r="A96" s="13" t="s">
        <v>22</v>
      </c>
      <c r="B96" s="17">
        <v>15246</v>
      </c>
      <c r="C96" s="18">
        <v>17289</v>
      </c>
      <c r="D96" s="19">
        <v>32535</v>
      </c>
    </row>
    <row r="97" spans="1:4" ht="18" customHeight="1" x14ac:dyDescent="0.2">
      <c r="A97" s="13">
        <v>75</v>
      </c>
      <c r="B97" s="17">
        <v>1914</v>
      </c>
      <c r="C97" s="18">
        <v>2317</v>
      </c>
      <c r="D97" s="19">
        <v>4231</v>
      </c>
    </row>
    <row r="98" spans="1:4" ht="18" customHeight="1" x14ac:dyDescent="0.2">
      <c r="A98" s="13">
        <v>76</v>
      </c>
      <c r="B98" s="17">
        <v>2399</v>
      </c>
      <c r="C98" s="18">
        <v>3058</v>
      </c>
      <c r="D98" s="19">
        <v>5457</v>
      </c>
    </row>
    <row r="99" spans="1:4" ht="18" customHeight="1" x14ac:dyDescent="0.2">
      <c r="A99" s="13">
        <v>77</v>
      </c>
      <c r="B99" s="17">
        <v>2178</v>
      </c>
      <c r="C99" s="18">
        <v>2781</v>
      </c>
      <c r="D99" s="19">
        <v>4959</v>
      </c>
    </row>
    <row r="100" spans="1:4" ht="18" customHeight="1" x14ac:dyDescent="0.2">
      <c r="A100" s="13">
        <v>78</v>
      </c>
      <c r="B100" s="17">
        <v>2319</v>
      </c>
      <c r="C100" s="18">
        <v>3003</v>
      </c>
      <c r="D100" s="19">
        <v>5322</v>
      </c>
    </row>
    <row r="101" spans="1:4" ht="18" customHeight="1" x14ac:dyDescent="0.2">
      <c r="A101" s="13">
        <v>79</v>
      </c>
      <c r="B101" s="17">
        <v>2071</v>
      </c>
      <c r="C101" s="18">
        <v>2673</v>
      </c>
      <c r="D101" s="19">
        <v>4744</v>
      </c>
    </row>
    <row r="102" spans="1:4" ht="18" customHeight="1" x14ac:dyDescent="0.2">
      <c r="A102" s="13" t="s">
        <v>23</v>
      </c>
      <c r="B102" s="17">
        <v>10881</v>
      </c>
      <c r="C102" s="18">
        <v>13832</v>
      </c>
      <c r="D102" s="19">
        <v>24713</v>
      </c>
    </row>
    <row r="103" spans="1:4" ht="18" customHeight="1" x14ac:dyDescent="0.2">
      <c r="A103" s="13">
        <v>80</v>
      </c>
      <c r="B103" s="17">
        <v>1803</v>
      </c>
      <c r="C103" s="18">
        <v>2343</v>
      </c>
      <c r="D103" s="19">
        <v>4146</v>
      </c>
    </row>
    <row r="104" spans="1:4" ht="18" customHeight="1" x14ac:dyDescent="0.2">
      <c r="A104" s="13">
        <v>81</v>
      </c>
      <c r="B104" s="17">
        <v>1420</v>
      </c>
      <c r="C104" s="18">
        <v>1924</v>
      </c>
      <c r="D104" s="19">
        <v>3344</v>
      </c>
    </row>
    <row r="105" spans="1:4" ht="18" customHeight="1" x14ac:dyDescent="0.2">
      <c r="A105" s="13">
        <v>82</v>
      </c>
      <c r="B105" s="17">
        <v>1381</v>
      </c>
      <c r="C105" s="18">
        <v>1997</v>
      </c>
      <c r="D105" s="19">
        <v>3378</v>
      </c>
    </row>
    <row r="106" spans="1:4" ht="18" customHeight="1" x14ac:dyDescent="0.2">
      <c r="A106" s="13">
        <v>83</v>
      </c>
      <c r="B106" s="17">
        <v>1366</v>
      </c>
      <c r="C106" s="18">
        <v>2096</v>
      </c>
      <c r="D106" s="19">
        <v>3462</v>
      </c>
    </row>
    <row r="107" spans="1:4" ht="18" customHeight="1" x14ac:dyDescent="0.2">
      <c r="A107" s="13">
        <v>84</v>
      </c>
      <c r="B107" s="17">
        <v>1345</v>
      </c>
      <c r="C107" s="18">
        <v>2284</v>
      </c>
      <c r="D107" s="19">
        <v>3629</v>
      </c>
    </row>
    <row r="108" spans="1:4" ht="18" customHeight="1" x14ac:dyDescent="0.2">
      <c r="A108" s="13" t="s">
        <v>24</v>
      </c>
      <c r="B108" s="17">
        <v>7315</v>
      </c>
      <c r="C108" s="18">
        <v>10644</v>
      </c>
      <c r="D108" s="19">
        <v>17959</v>
      </c>
    </row>
    <row r="109" spans="1:4" ht="18" customHeight="1" x14ac:dyDescent="0.2">
      <c r="A109" s="13">
        <v>85</v>
      </c>
      <c r="B109" s="17">
        <v>1083</v>
      </c>
      <c r="C109" s="18">
        <v>1744</v>
      </c>
      <c r="D109" s="19">
        <v>2827</v>
      </c>
    </row>
    <row r="110" spans="1:4" ht="18" customHeight="1" x14ac:dyDescent="0.2">
      <c r="A110" s="13">
        <v>86</v>
      </c>
      <c r="B110" s="17">
        <v>1005</v>
      </c>
      <c r="C110" s="18">
        <v>1842</v>
      </c>
      <c r="D110" s="19">
        <v>2847</v>
      </c>
    </row>
    <row r="111" spans="1:4" ht="18" customHeight="1" x14ac:dyDescent="0.2">
      <c r="A111" s="13">
        <v>87</v>
      </c>
      <c r="B111" s="17">
        <v>875</v>
      </c>
      <c r="C111" s="18">
        <v>1815</v>
      </c>
      <c r="D111" s="19">
        <v>2690</v>
      </c>
    </row>
    <row r="112" spans="1:4" ht="18" customHeight="1" x14ac:dyDescent="0.2">
      <c r="A112" s="13">
        <v>88</v>
      </c>
      <c r="B112" s="17">
        <v>679</v>
      </c>
      <c r="C112" s="18">
        <v>1640</v>
      </c>
      <c r="D112" s="19">
        <v>2319</v>
      </c>
    </row>
    <row r="113" spans="1:4" ht="18" customHeight="1" x14ac:dyDescent="0.2">
      <c r="A113" s="13">
        <v>89</v>
      </c>
      <c r="B113" s="17">
        <v>627</v>
      </c>
      <c r="C113" s="18">
        <v>1454</v>
      </c>
      <c r="D113" s="19">
        <v>2081</v>
      </c>
    </row>
    <row r="114" spans="1:4" ht="18" customHeight="1" x14ac:dyDescent="0.2">
      <c r="A114" s="13" t="s">
        <v>25</v>
      </c>
      <c r="B114" s="17">
        <v>4269</v>
      </c>
      <c r="C114" s="18">
        <v>8495</v>
      </c>
      <c r="D114" s="19">
        <v>12764</v>
      </c>
    </row>
    <row r="115" spans="1:4" ht="18" customHeight="1" x14ac:dyDescent="0.2">
      <c r="A115" s="13">
        <v>90</v>
      </c>
      <c r="B115" s="17">
        <v>498</v>
      </c>
      <c r="C115" s="18">
        <v>1206</v>
      </c>
      <c r="D115" s="19">
        <v>1704</v>
      </c>
    </row>
    <row r="116" spans="1:4" ht="18" customHeight="1" x14ac:dyDescent="0.2">
      <c r="A116" s="13">
        <v>91</v>
      </c>
      <c r="B116" s="17">
        <v>419</v>
      </c>
      <c r="C116" s="18">
        <v>1161</v>
      </c>
      <c r="D116" s="19">
        <v>1580</v>
      </c>
    </row>
    <row r="117" spans="1:4" ht="18" customHeight="1" x14ac:dyDescent="0.2">
      <c r="A117" s="13">
        <v>92</v>
      </c>
      <c r="B117" s="17">
        <v>341</v>
      </c>
      <c r="C117" s="18">
        <v>926</v>
      </c>
      <c r="D117" s="19">
        <v>1267</v>
      </c>
    </row>
    <row r="118" spans="1:4" ht="18" customHeight="1" x14ac:dyDescent="0.2">
      <c r="A118" s="13">
        <v>93</v>
      </c>
      <c r="B118" s="17">
        <v>247</v>
      </c>
      <c r="C118" s="18">
        <v>760</v>
      </c>
      <c r="D118" s="19">
        <v>1007</v>
      </c>
    </row>
    <row r="119" spans="1:4" ht="18" customHeight="1" x14ac:dyDescent="0.2">
      <c r="A119" s="13">
        <v>94</v>
      </c>
      <c r="B119" s="17">
        <v>189</v>
      </c>
      <c r="C119" s="18">
        <v>643</v>
      </c>
      <c r="D119" s="19">
        <v>832</v>
      </c>
    </row>
    <row r="120" spans="1:4" ht="18" customHeight="1" x14ac:dyDescent="0.2">
      <c r="A120" s="13" t="s">
        <v>26</v>
      </c>
      <c r="B120" s="17">
        <v>1694</v>
      </c>
      <c r="C120" s="18">
        <v>4696</v>
      </c>
      <c r="D120" s="19">
        <v>6390</v>
      </c>
    </row>
    <row r="121" spans="1:4" ht="18" customHeight="1" x14ac:dyDescent="0.2">
      <c r="A121" s="13">
        <v>95</v>
      </c>
      <c r="B121" s="17">
        <v>126</v>
      </c>
      <c r="C121" s="18">
        <v>563</v>
      </c>
      <c r="D121" s="19">
        <v>689</v>
      </c>
    </row>
    <row r="122" spans="1:4" ht="18" customHeight="1" x14ac:dyDescent="0.2">
      <c r="A122" s="13">
        <v>96</v>
      </c>
      <c r="B122" s="17">
        <v>96</v>
      </c>
      <c r="C122" s="18">
        <v>376</v>
      </c>
      <c r="D122" s="19">
        <v>472</v>
      </c>
    </row>
    <row r="123" spans="1:4" ht="18" customHeight="1" x14ac:dyDescent="0.2">
      <c r="A123" s="13">
        <v>97</v>
      </c>
      <c r="B123" s="17">
        <v>56</v>
      </c>
      <c r="C123" s="18">
        <v>280</v>
      </c>
      <c r="D123" s="19">
        <v>336</v>
      </c>
    </row>
    <row r="124" spans="1:4" ht="18" customHeight="1" x14ac:dyDescent="0.2">
      <c r="A124" s="13">
        <v>98</v>
      </c>
      <c r="B124" s="17">
        <v>40</v>
      </c>
      <c r="C124" s="18">
        <v>245</v>
      </c>
      <c r="D124" s="19">
        <v>285</v>
      </c>
    </row>
    <row r="125" spans="1:4" ht="18" customHeight="1" x14ac:dyDescent="0.2">
      <c r="A125" s="13">
        <v>99</v>
      </c>
      <c r="B125" s="17">
        <v>17</v>
      </c>
      <c r="C125" s="18">
        <v>152</v>
      </c>
      <c r="D125" s="19">
        <v>169</v>
      </c>
    </row>
    <row r="126" spans="1:4" ht="18" customHeight="1" x14ac:dyDescent="0.2">
      <c r="A126" s="13" t="s">
        <v>27</v>
      </c>
      <c r="B126" s="17">
        <v>335</v>
      </c>
      <c r="C126" s="18">
        <v>1616</v>
      </c>
      <c r="D126" s="19">
        <v>1951</v>
      </c>
    </row>
    <row r="127" spans="1:4" ht="18" customHeight="1" x14ac:dyDescent="0.2">
      <c r="A127" s="13">
        <v>100</v>
      </c>
      <c r="B127" s="17">
        <v>18</v>
      </c>
      <c r="C127" s="18">
        <v>103</v>
      </c>
      <c r="D127" s="19">
        <v>121</v>
      </c>
    </row>
    <row r="128" spans="1:4" ht="18" customHeight="1" x14ac:dyDescent="0.2">
      <c r="A128" s="20" t="s">
        <v>28</v>
      </c>
      <c r="B128" s="17">
        <v>21</v>
      </c>
      <c r="C128" s="18">
        <v>151</v>
      </c>
      <c r="D128" s="19">
        <v>172</v>
      </c>
    </row>
    <row r="129" spans="1:4" ht="18" customHeight="1" x14ac:dyDescent="0.2">
      <c r="A129" s="13" t="s">
        <v>29</v>
      </c>
      <c r="B129" s="17">
        <v>39</v>
      </c>
      <c r="C129" s="18">
        <v>254</v>
      </c>
      <c r="D129" s="19">
        <v>293</v>
      </c>
    </row>
    <row r="130" spans="1:4" ht="18" customHeight="1" x14ac:dyDescent="0.2">
      <c r="A130" s="13" t="s">
        <v>30</v>
      </c>
      <c r="B130" s="21">
        <v>52700</v>
      </c>
      <c r="C130" s="22">
        <v>70756</v>
      </c>
      <c r="D130" s="23">
        <v>123456</v>
      </c>
    </row>
    <row r="131" spans="1:4" ht="18" customHeight="1" x14ac:dyDescent="0.2">
      <c r="A131" s="24" t="s">
        <v>31</v>
      </c>
      <c r="B131" s="25">
        <v>202010</v>
      </c>
      <c r="C131" s="26">
        <v>212344</v>
      </c>
      <c r="D131" s="27">
        <v>414354</v>
      </c>
    </row>
  </sheetData>
  <mergeCells count="2">
    <mergeCell ref="A1:D1"/>
    <mergeCell ref="B3:D3"/>
  </mergeCells>
  <phoneticPr fontId="3"/>
  <pageMargins left="0.75" right="0.75" top="1" bottom="1" header="0.51200000000000001" footer="0.51200000000000001"/>
  <pageSetup paperSize="9" scale="95" fitToHeight="3" orientation="portrait" horizontalDpi="4294967292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0000</vt:lpstr>
      <vt:lpstr>'0000'!Print_Titles</vt:lpstr>
    </vt:vector>
  </TitlesOfParts>
  <Company>企画管理部情報統計課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坂野　匠</dc:creator>
  <cp:lastModifiedBy>坂野　匠</cp:lastModifiedBy>
  <dcterms:created xsi:type="dcterms:W3CDTF">2020-10-05T13:26:25Z</dcterms:created>
  <dcterms:modified xsi:type="dcterms:W3CDTF">2020-10-05T13:26:26Z</dcterms:modified>
</cp:coreProperties>
</file>